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C:\Users\s000\Desktop\"/>
    </mc:Choice>
  </mc:AlternateContent>
  <bookViews>
    <workbookView xWindow="0" yWindow="0" windowWidth="28800" windowHeight="12390"/>
  </bookViews>
  <sheets>
    <sheet name="스타기획마케팅" sheetId="1" r:id="rId1"/>
  </sheets>
  <calcPr calcId="152511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89" uniqueCount="57">
  <si>
    <t>17:15-18:05</t>
    <phoneticPr fontId="6" type="noConversion"/>
  </si>
  <si>
    <t>실무일본어        (국507)   신우진</t>
    <phoneticPr fontId="2" type="noConversion"/>
  </si>
  <si>
    <t>통합예술의 이해  (국507)  심대석</t>
    <phoneticPr fontId="2" type="noConversion"/>
  </si>
  <si>
    <t>통합예술의 이해  (국013)  배소현</t>
    <phoneticPr fontId="2" type="noConversion"/>
  </si>
  <si>
    <t>16:20-17:10</t>
    <phoneticPr fontId="6" type="noConversion"/>
  </si>
  <si>
    <t>15:25-16:15</t>
    <phoneticPr fontId="6" type="noConversion"/>
  </si>
  <si>
    <t>실무영어          (국507)   신우진</t>
    <phoneticPr fontId="2" type="noConversion"/>
  </si>
  <si>
    <t>홍보영상제작실무1        (충221)  이성길</t>
    <phoneticPr fontId="2" type="noConversion"/>
  </si>
  <si>
    <t>홍보     디자인    (국507)  송주은</t>
    <phoneticPr fontId="2" type="noConversion"/>
  </si>
  <si>
    <t>아티스트 발굴    (국515)  조대원</t>
    <phoneticPr fontId="2" type="noConversion"/>
  </si>
  <si>
    <t xml:space="preserve">매니지먼트실습  (국515)  홍종구 </t>
    <phoneticPr fontId="2" type="noConversion"/>
  </si>
  <si>
    <t xml:space="preserve">컨텐츠마케팅실무1         (충221)  조연호 </t>
    <phoneticPr fontId="2" type="noConversion"/>
  </si>
  <si>
    <t xml:space="preserve">대중음악현장의  이해       (충223)  정용선  </t>
    <phoneticPr fontId="2" type="noConversion"/>
  </si>
  <si>
    <r>
      <t xml:space="preserve">온라인 마케팅         </t>
    </r>
    <r>
      <rPr>
        <sz val="12"/>
        <color rgb="FFFF0000"/>
        <rFont val="맑은 고딕"/>
        <family val="3"/>
        <charset val="129"/>
        <scheme val="major"/>
      </rPr>
      <t xml:space="preserve">(복합 공용 0/a) </t>
    </r>
    <r>
      <rPr>
        <sz val="12"/>
        <color theme="1"/>
        <rFont val="맑은 고딕"/>
        <family val="3"/>
        <charset val="129"/>
        <scheme val="major"/>
      </rPr>
      <t xml:space="preserve"> 조연효</t>
    </r>
    <phoneticPr fontId="2" type="noConversion"/>
  </si>
  <si>
    <t>14:30-15:20</t>
    <phoneticPr fontId="6" type="noConversion"/>
  </si>
  <si>
    <t>매니지먼트 기초  (국515)  조대원</t>
    <phoneticPr fontId="2" type="noConversion"/>
  </si>
  <si>
    <t>영상제작 기초   (국507)</t>
    <phoneticPr fontId="2" type="noConversion"/>
  </si>
  <si>
    <r>
      <rPr>
        <sz val="12"/>
        <color rgb="FFFF0000"/>
        <rFont val="맑은 고딕"/>
        <family val="3"/>
        <charset val="129"/>
        <scheme val="major"/>
      </rPr>
      <t xml:space="preserve">한국문화사       (신313) </t>
    </r>
    <r>
      <rPr>
        <sz val="12"/>
        <rFont val="맑은 고딕"/>
        <family val="3"/>
        <charset val="129"/>
        <scheme val="major"/>
      </rPr>
      <t xml:space="preserve"> 서승갑</t>
    </r>
    <phoneticPr fontId="2" type="noConversion"/>
  </si>
  <si>
    <r>
      <rPr>
        <sz val="12"/>
        <color rgb="FFFF0000"/>
        <rFont val="맑은 고딕"/>
        <family val="3"/>
        <charset val="129"/>
        <scheme val="major"/>
      </rPr>
      <t>대학생활C</t>
    </r>
    <r>
      <rPr>
        <sz val="12"/>
        <rFont val="맑은 고딕"/>
        <family val="3"/>
        <charset val="129"/>
        <scheme val="major"/>
      </rPr>
      <t>(국515)  윤성혜</t>
    </r>
    <phoneticPr fontId="2" type="noConversion"/>
  </si>
  <si>
    <t>영상편집 기초    (국507)  심대석</t>
    <phoneticPr fontId="2" type="noConversion"/>
  </si>
  <si>
    <t>문화콘텐츠의이해    (충223)  배소현</t>
    <phoneticPr fontId="2" type="noConversion"/>
  </si>
  <si>
    <t>취창업    (신314)  박규원</t>
    <phoneticPr fontId="2" type="noConversion"/>
  </si>
  <si>
    <t>대학생활      (국515)   윤성혜</t>
    <phoneticPr fontId="2" type="noConversion"/>
  </si>
  <si>
    <t>13:35-14:25</t>
    <phoneticPr fontId="6" type="noConversion"/>
  </si>
  <si>
    <t>취창업    (신313)  박규원</t>
    <phoneticPr fontId="2" type="noConversion"/>
  </si>
  <si>
    <t>12:40-13:30</t>
    <phoneticPr fontId="6" type="noConversion"/>
  </si>
  <si>
    <t>실무       일본어  (국507)   신우진</t>
    <phoneticPr fontId="2" type="noConversion"/>
  </si>
  <si>
    <r>
      <t xml:space="preserve">기술능력과문제해결능력  </t>
    </r>
    <r>
      <rPr>
        <sz val="12"/>
        <color rgb="FFFF0000"/>
        <rFont val="맑은 고딕"/>
        <family val="3"/>
        <charset val="129"/>
        <scheme val="major"/>
      </rPr>
      <t xml:space="preserve">(신311)   </t>
    </r>
    <r>
      <rPr>
        <sz val="12"/>
        <color theme="1"/>
        <rFont val="맑은 고딕"/>
        <family val="3"/>
        <charset val="129"/>
        <scheme val="major"/>
      </rPr>
      <t xml:space="preserve"> 박규원</t>
    </r>
    <phoneticPr fontId="2" type="noConversion"/>
  </si>
  <si>
    <t>의사소통과 정보능력      (국515)  윤성혜</t>
    <phoneticPr fontId="2" type="noConversion"/>
  </si>
  <si>
    <t>11:45-12:35</t>
    <phoneticPr fontId="6" type="noConversion"/>
  </si>
  <si>
    <t>한국    문화사    (신121)   김방</t>
    <phoneticPr fontId="2" type="noConversion"/>
  </si>
  <si>
    <t>10:50-11:40</t>
    <phoneticPr fontId="6" type="noConversion"/>
  </si>
  <si>
    <t>실무영어  (국507)   신우진</t>
    <phoneticPr fontId="2" type="noConversion"/>
  </si>
  <si>
    <t>홍보영상제작실무1        (국515)  이성길</t>
    <phoneticPr fontId="2" type="noConversion"/>
  </si>
  <si>
    <t>홍보    디자인    (국507)  송주은</t>
    <phoneticPr fontId="2" type="noConversion"/>
  </si>
  <si>
    <r>
      <t xml:space="preserve">기술능력과 문제해결능력  </t>
    </r>
    <r>
      <rPr>
        <sz val="12"/>
        <color rgb="FFFF0000"/>
        <rFont val="맑은 고딕"/>
        <family val="3"/>
        <charset val="129"/>
        <scheme val="major"/>
      </rPr>
      <t>(신311)</t>
    </r>
    <r>
      <rPr>
        <sz val="12"/>
        <color theme="1"/>
        <rFont val="맑은 고딕"/>
        <family val="3"/>
        <charset val="129"/>
        <scheme val="major"/>
      </rPr>
      <t xml:space="preserve">  박규원</t>
    </r>
    <phoneticPr fontId="2" type="noConversion"/>
  </si>
  <si>
    <t xml:space="preserve">컨텐츠마케팅실무1        (충221)  조연효 </t>
    <phoneticPr fontId="2" type="noConversion"/>
  </si>
  <si>
    <t>매니지먼트실습  (국515)  홍종구</t>
    <phoneticPr fontId="2" type="noConversion"/>
  </si>
  <si>
    <t xml:space="preserve">대중음악현장의 이해 (충223)  정용선  </t>
    <phoneticPr fontId="2" type="noConversion"/>
  </si>
  <si>
    <r>
      <t xml:space="preserve">온라인마케팅     </t>
    </r>
    <r>
      <rPr>
        <sz val="12"/>
        <color rgb="FFFF0000"/>
        <rFont val="맑은 고딕"/>
        <family val="3"/>
        <charset val="129"/>
        <scheme val="major"/>
      </rPr>
      <t>(복합 공용 O/A)</t>
    </r>
    <r>
      <rPr>
        <sz val="12"/>
        <rFont val="맑은 고딕"/>
        <family val="3"/>
        <charset val="129"/>
        <scheme val="major"/>
      </rPr>
      <t xml:space="preserve">  조연효</t>
    </r>
    <phoneticPr fontId="2" type="noConversion"/>
  </si>
  <si>
    <t>09:55-10:45</t>
    <phoneticPr fontId="6" type="noConversion"/>
  </si>
  <si>
    <t>09:00-09:50</t>
    <phoneticPr fontId="6" type="noConversion"/>
  </si>
  <si>
    <t>주간</t>
    <phoneticPr fontId="6" type="noConversion"/>
  </si>
  <si>
    <t>B</t>
    <phoneticPr fontId="6" type="noConversion"/>
  </si>
  <si>
    <t>A</t>
    <phoneticPr fontId="6" type="noConversion"/>
  </si>
  <si>
    <t>반</t>
    <phoneticPr fontId="6" type="noConversion"/>
  </si>
  <si>
    <t>2학년</t>
    <phoneticPr fontId="6" type="noConversion"/>
  </si>
  <si>
    <t>1학년</t>
    <phoneticPr fontId="6" type="noConversion"/>
  </si>
  <si>
    <t>학년</t>
    <phoneticPr fontId="6" type="noConversion"/>
  </si>
  <si>
    <t>금요일</t>
    <phoneticPr fontId="6" type="noConversion"/>
  </si>
  <si>
    <t>목요일</t>
    <phoneticPr fontId="6" type="noConversion"/>
  </si>
  <si>
    <t>수요일</t>
    <phoneticPr fontId="6" type="noConversion"/>
  </si>
  <si>
    <t>화요일</t>
    <phoneticPr fontId="6" type="noConversion"/>
  </si>
  <si>
    <t>월요일</t>
    <phoneticPr fontId="6" type="noConversion"/>
  </si>
  <si>
    <t>요일</t>
    <phoneticPr fontId="6" type="noConversion"/>
  </si>
  <si>
    <t>교시</t>
    <phoneticPr fontId="6" type="noConversion"/>
  </si>
  <si>
    <t>구분</t>
    <phoneticPr fontId="6" type="noConversion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fonts count="8" x14ac:knownFonts="1">
    <font>
      <sz val="11"/>
      <color theme="1"/>
      <name val="맑은 고딕"/>
      <family val="2"/>
      <charset val="129"/>
      <scheme val="minor"/>
    </font>
    <font>
      <sz val="11"/>
      <color theme="1"/>
      <name val="맑은 고딕"/>
      <family val="2"/>
      <charset val="129"/>
      <scheme val="minor"/>
    </font>
    <font>
      <sz val="8"/>
      <name val="맑은 고딕"/>
      <family val="2"/>
      <charset val="129"/>
      <scheme val="minor"/>
    </font>
    <font>
      <sz val="12"/>
      <name val="맑은 고딕"/>
      <family val="3"/>
      <charset val="129"/>
      <scheme val="major"/>
    </font>
    <font>
      <sz val="12"/>
      <color theme="1"/>
      <name val="맑은 고딕"/>
      <family val="3"/>
      <charset val="129"/>
      <scheme val="major"/>
    </font>
    <font>
      <b/>
      <sz val="12"/>
      <name val="맑은 고딕"/>
      <family val="3"/>
      <charset val="129"/>
      <scheme val="major"/>
    </font>
    <font>
      <sz val="8"/>
      <name val="돋움"/>
      <family val="3"/>
      <charset val="129"/>
    </font>
    <font>
      <sz val="12"/>
      <color rgb="FFFF0000"/>
      <name val="맑은 고딕"/>
      <family val="3"/>
      <charset val="129"/>
      <scheme val="major"/>
    </font>
  </fonts>
  <fills count="19">
    <fill>
      <patternFill patternType="none"/>
    </fill>
    <fill>
      <patternFill patternType="gray125"/>
    </fill>
    <fill>
      <patternFill patternType="solid">
        <fgColor rgb="FFFFFF00"/>
        <bgColor indexed="64"/>
      </patternFill>
    </fill>
    <fill>
      <patternFill patternType="solid">
        <fgColor theme="0"/>
        <bgColor indexed="64"/>
      </patternFill>
    </fill>
    <fill>
      <patternFill patternType="solid">
        <fgColor theme="5" tint="0.39997558519241921"/>
        <bgColor indexed="64"/>
      </patternFill>
    </fill>
    <fill>
      <patternFill patternType="solid">
        <fgColor theme="4"/>
        <bgColor indexed="64"/>
      </patternFill>
    </fill>
    <fill>
      <patternFill patternType="solid">
        <fgColor theme="7"/>
        <bgColor indexed="64"/>
      </patternFill>
    </fill>
    <fill>
      <patternFill patternType="solid">
        <fgColor theme="1" tint="0.499984740745262"/>
        <bgColor indexed="64"/>
      </patternFill>
    </fill>
    <fill>
      <patternFill patternType="solid">
        <fgColor theme="7" tint="0.59999389629810485"/>
        <bgColor indexed="64"/>
      </patternFill>
    </fill>
    <fill>
      <patternFill patternType="solid">
        <fgColor rgb="FF92D050"/>
        <bgColor indexed="64"/>
      </patternFill>
    </fill>
    <fill>
      <patternFill patternType="solid">
        <fgColor theme="5" tint="0.59999389629810485"/>
        <bgColor indexed="64"/>
      </patternFill>
    </fill>
    <fill>
      <patternFill patternType="solid">
        <fgColor theme="8" tint="0.79998168889431442"/>
        <bgColor indexed="64"/>
      </patternFill>
    </fill>
    <fill>
      <patternFill patternType="solid">
        <fgColor indexed="41"/>
        <bgColor indexed="64"/>
      </patternFill>
    </fill>
    <fill>
      <patternFill patternType="solid">
        <fgColor theme="8" tint="0.59999389629810485"/>
        <bgColor indexed="64"/>
      </patternFill>
    </fill>
    <fill>
      <patternFill patternType="solid">
        <fgColor theme="2"/>
        <bgColor indexed="64"/>
      </patternFill>
    </fill>
    <fill>
      <patternFill patternType="solid">
        <fgColor theme="9" tint="0.59999389629810485"/>
        <bgColor indexed="64"/>
      </patternFill>
    </fill>
    <fill>
      <patternFill patternType="solid">
        <fgColor theme="2" tint="-9.9978637043366805E-2"/>
        <bgColor indexed="64"/>
      </patternFill>
    </fill>
    <fill>
      <patternFill patternType="solid">
        <fgColor rgb="FFCC99FF"/>
        <bgColor indexed="64"/>
      </patternFill>
    </fill>
    <fill>
      <patternFill patternType="solid">
        <fgColor theme="8" tint="0.39997558519241921"/>
        <bgColor indexed="64"/>
      </patternFill>
    </fill>
  </fills>
  <borders count="37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hair">
        <color indexed="64"/>
      </left>
      <right/>
      <top/>
      <bottom style="medium">
        <color indexed="64"/>
      </bottom>
      <diagonal/>
    </border>
    <border>
      <left style="medium">
        <color indexed="64"/>
      </left>
      <right style="hair">
        <color indexed="64"/>
      </right>
      <top/>
      <bottom style="medium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hair">
        <color indexed="64"/>
      </left>
      <right/>
      <top/>
      <bottom/>
      <diagonal/>
    </border>
    <border>
      <left style="medium">
        <color indexed="64"/>
      </left>
      <right style="hair">
        <color indexed="64"/>
      </right>
      <top/>
      <bottom/>
      <diagonal/>
    </border>
    <border>
      <left style="hair">
        <color indexed="64"/>
      </left>
      <right/>
      <top style="hair">
        <color indexed="64"/>
      </top>
      <bottom/>
      <diagonal/>
    </border>
    <border>
      <left style="hair">
        <color indexed="64"/>
      </left>
      <right/>
      <top/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hair">
        <color indexed="64"/>
      </left>
      <right style="thin">
        <color indexed="64"/>
      </right>
      <top/>
      <bottom style="hair">
        <color indexed="64"/>
      </bottom>
      <diagonal/>
    </border>
    <border>
      <left style="hair">
        <color indexed="64"/>
      </left>
      <right style="thin">
        <color indexed="64"/>
      </right>
      <top/>
      <bottom/>
      <diagonal/>
    </border>
    <border>
      <left style="hair">
        <color indexed="64"/>
      </left>
      <right style="thin">
        <color indexed="64"/>
      </right>
      <top style="hair">
        <color indexed="64"/>
      </top>
      <bottom/>
      <diagonal/>
    </border>
    <border>
      <left style="medium">
        <color indexed="64"/>
      </left>
      <right style="hair">
        <color indexed="64"/>
      </right>
      <top style="thin">
        <color indexed="64"/>
      </top>
      <bottom/>
      <diagonal/>
    </border>
    <border>
      <left style="hair">
        <color indexed="64"/>
      </left>
      <right style="medium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medium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/>
      <top style="hair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/>
      <bottom style="thin">
        <color indexed="64"/>
      </bottom>
      <diagonal/>
    </border>
    <border>
      <left style="medium">
        <color indexed="64"/>
      </left>
      <right style="hair">
        <color indexed="64"/>
      </right>
      <top/>
      <bottom style="thin">
        <color indexed="64"/>
      </bottom>
      <diagonal/>
    </border>
    <border>
      <left/>
      <right style="medium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/>
      <top style="hair">
        <color indexed="64"/>
      </top>
      <bottom style="hair">
        <color indexed="64"/>
      </bottom>
      <diagonal/>
    </border>
    <border>
      <left/>
      <right/>
      <top style="hair">
        <color indexed="64"/>
      </top>
      <bottom style="hair">
        <color indexed="64"/>
      </bottom>
      <diagonal/>
    </border>
    <border>
      <left style="medium">
        <color indexed="64"/>
      </left>
      <right/>
      <top style="hair">
        <color indexed="64"/>
      </top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/>
      <bottom/>
      <diagonal/>
    </border>
    <border>
      <left/>
      <right style="medium">
        <color indexed="64"/>
      </right>
      <top style="medium">
        <color indexed="64"/>
      </top>
      <bottom style="hair">
        <color indexed="64"/>
      </bottom>
      <diagonal/>
    </border>
    <border>
      <left/>
      <right/>
      <top style="medium">
        <color indexed="64"/>
      </top>
      <bottom style="hair">
        <color indexed="64"/>
      </bottom>
      <diagonal/>
    </border>
    <border>
      <left style="medium">
        <color indexed="64"/>
      </left>
      <right/>
      <top style="medium">
        <color indexed="64"/>
      </top>
      <bottom style="hair">
        <color indexed="64"/>
      </bottom>
      <diagonal/>
    </border>
    <border>
      <left style="thin">
        <color indexed="64"/>
      </left>
      <right/>
      <top style="medium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medium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medium">
        <color indexed="64"/>
      </top>
      <bottom/>
      <diagonal/>
    </border>
    <border>
      <left style="medium">
        <color indexed="64"/>
      </left>
      <right style="hair">
        <color indexed="64"/>
      </right>
      <top style="medium">
        <color indexed="64"/>
      </top>
      <bottom/>
      <diagonal/>
    </border>
  </borders>
  <cellStyleXfs count="2">
    <xf numFmtId="0" fontId="0" fillId="0" borderId="0">
      <alignment vertical="center"/>
    </xf>
    <xf numFmtId="9" fontId="1" fillId="0" borderId="0" applyFont="0" applyFill="0" applyBorder="0" applyAlignment="0" applyProtection="0">
      <alignment vertical="center"/>
    </xf>
  </cellStyleXfs>
  <cellXfs count="117">
    <xf numFmtId="0" fontId="0" fillId="0" borderId="0" xfId="0">
      <alignment vertical="center"/>
    </xf>
    <xf numFmtId="0" fontId="3" fillId="2" borderId="1" xfId="0" applyFont="1" applyFill="1" applyBorder="1" applyAlignment="1">
      <alignment vertical="center" wrapText="1" shrinkToFit="1"/>
    </xf>
    <xf numFmtId="0" fontId="3" fillId="3" borderId="1" xfId="0" applyFont="1" applyFill="1" applyBorder="1" applyAlignment="1">
      <alignment vertical="center" wrapText="1" shrinkToFit="1"/>
    </xf>
    <xf numFmtId="0" fontId="3" fillId="3" borderId="1" xfId="0" applyFont="1" applyFill="1" applyBorder="1" applyAlignment="1">
      <alignment horizontal="center" vertical="center" shrinkToFit="1"/>
    </xf>
    <xf numFmtId="0" fontId="3" fillId="4" borderId="2" xfId="0" applyFont="1" applyFill="1" applyBorder="1" applyAlignment="1">
      <alignment horizontal="center" vertical="center" wrapText="1" shrinkToFit="1"/>
    </xf>
    <xf numFmtId="0" fontId="4" fillId="5" borderId="2" xfId="0" applyFont="1" applyFill="1" applyBorder="1" applyAlignment="1">
      <alignment horizontal="center" vertical="center" wrapText="1" shrinkToFit="1"/>
    </xf>
    <xf numFmtId="0" fontId="4" fillId="4" borderId="1" xfId="0" applyFont="1" applyFill="1" applyBorder="1" applyAlignment="1">
      <alignment horizontal="center" vertical="center" wrapText="1" shrinkToFit="1"/>
    </xf>
    <xf numFmtId="0" fontId="3" fillId="6" borderId="2" xfId="0" applyFont="1" applyFill="1" applyBorder="1" applyAlignment="1">
      <alignment horizontal="center" vertical="center" wrapText="1" shrinkToFit="1"/>
    </xf>
    <xf numFmtId="0" fontId="4" fillId="7" borderId="2" xfId="0" applyFont="1" applyFill="1" applyBorder="1" applyAlignment="1">
      <alignment horizontal="center" vertical="center" wrapText="1" shrinkToFit="1"/>
    </xf>
    <xf numFmtId="0" fontId="4" fillId="8" borderId="2" xfId="0" applyFont="1" applyFill="1" applyBorder="1" applyAlignment="1">
      <alignment horizontal="center" vertical="center" wrapText="1" shrinkToFit="1"/>
    </xf>
    <xf numFmtId="0" fontId="3" fillId="9" borderId="1" xfId="0" applyFont="1" applyFill="1" applyBorder="1" applyAlignment="1">
      <alignment horizontal="center" vertical="center" wrapText="1" shrinkToFit="1"/>
    </xf>
    <xf numFmtId="0" fontId="3" fillId="10" borderId="2" xfId="0" applyFont="1" applyFill="1" applyBorder="1" applyAlignment="1">
      <alignment horizontal="center" vertical="center" wrapText="1" shrinkToFit="1"/>
    </xf>
    <xf numFmtId="0" fontId="4" fillId="11" borderId="1" xfId="0" applyFont="1" applyFill="1" applyBorder="1" applyAlignment="1">
      <alignment horizontal="center" vertical="center" wrapText="1" shrinkToFit="1"/>
    </xf>
    <xf numFmtId="0" fontId="3" fillId="6" borderId="1" xfId="0" applyFont="1" applyFill="1" applyBorder="1" applyAlignment="1">
      <alignment horizontal="center" vertical="center" wrapText="1" shrinkToFit="1"/>
    </xf>
    <xf numFmtId="0" fontId="5" fillId="12" borderId="3" xfId="0" applyFont="1" applyFill="1" applyBorder="1" applyAlignment="1">
      <alignment horizontal="center" vertical="center" wrapText="1" shrinkToFit="1"/>
    </xf>
    <xf numFmtId="0" fontId="5" fillId="12" borderId="3" xfId="0" applyFont="1" applyFill="1" applyBorder="1" applyAlignment="1">
      <alignment horizontal="center" vertical="center"/>
    </xf>
    <xf numFmtId="0" fontId="5" fillId="12" borderId="4" xfId="0" applyFont="1" applyFill="1" applyBorder="1" applyAlignment="1">
      <alignment horizontal="center" vertical="center" textRotation="255"/>
    </xf>
    <xf numFmtId="0" fontId="3" fillId="4" borderId="5" xfId="0" applyFont="1" applyFill="1" applyBorder="1" applyAlignment="1">
      <alignment horizontal="center" vertical="center" wrapText="1" shrinkToFit="1"/>
    </xf>
    <xf numFmtId="0" fontId="4" fillId="5" borderId="5" xfId="0" applyFont="1" applyFill="1" applyBorder="1" applyAlignment="1">
      <alignment horizontal="center" vertical="center" wrapText="1" shrinkToFit="1"/>
    </xf>
    <xf numFmtId="0" fontId="3" fillId="6" borderId="5" xfId="0" applyFont="1" applyFill="1" applyBorder="1" applyAlignment="1">
      <alignment horizontal="center" vertical="center" wrapText="1" shrinkToFit="1"/>
    </xf>
    <xf numFmtId="0" fontId="4" fillId="7" borderId="5" xfId="0" applyFont="1" applyFill="1" applyBorder="1" applyAlignment="1">
      <alignment horizontal="center" vertical="center" wrapText="1" shrinkToFit="1"/>
    </xf>
    <xf numFmtId="0" fontId="4" fillId="8" borderId="5" xfId="0" applyFont="1" applyFill="1" applyBorder="1" applyAlignment="1">
      <alignment horizontal="center" vertical="center" wrapText="1" shrinkToFit="1"/>
    </xf>
    <xf numFmtId="0" fontId="3" fillId="10" borderId="5" xfId="0" applyFont="1" applyFill="1" applyBorder="1" applyAlignment="1">
      <alignment horizontal="center" vertical="center" wrapText="1" shrinkToFit="1"/>
    </xf>
    <xf numFmtId="0" fontId="5" fillId="12" borderId="6" xfId="0" applyFont="1" applyFill="1" applyBorder="1" applyAlignment="1">
      <alignment horizontal="center" vertical="center" wrapText="1" shrinkToFit="1"/>
    </xf>
    <xf numFmtId="0" fontId="5" fillId="12" borderId="6" xfId="0" applyFont="1" applyFill="1" applyBorder="1" applyAlignment="1">
      <alignment horizontal="center" vertical="center"/>
    </xf>
    <xf numFmtId="0" fontId="5" fillId="12" borderId="7" xfId="0" applyFont="1" applyFill="1" applyBorder="1" applyAlignment="1">
      <alignment horizontal="center" vertical="center" textRotation="255"/>
    </xf>
    <xf numFmtId="0" fontId="5" fillId="12" borderId="8" xfId="0" applyFont="1" applyFill="1" applyBorder="1" applyAlignment="1">
      <alignment horizontal="center" vertical="center"/>
    </xf>
    <xf numFmtId="0" fontId="5" fillId="12" borderId="9" xfId="0" applyFont="1" applyFill="1" applyBorder="1" applyAlignment="1">
      <alignment horizontal="center" vertical="center" wrapText="1" shrinkToFit="1"/>
    </xf>
    <xf numFmtId="0" fontId="5" fillId="12" borderId="9" xfId="0" applyFont="1" applyFill="1" applyBorder="1" applyAlignment="1">
      <alignment horizontal="center" vertical="center"/>
    </xf>
    <xf numFmtId="0" fontId="3" fillId="4" borderId="10" xfId="0" applyFont="1" applyFill="1" applyBorder="1" applyAlignment="1">
      <alignment horizontal="center" vertical="center" wrapText="1" shrinkToFit="1"/>
    </xf>
    <xf numFmtId="0" fontId="3" fillId="13" borderId="2" xfId="0" applyFont="1" applyFill="1" applyBorder="1" applyAlignment="1">
      <alignment horizontal="center" vertical="center" wrapText="1" shrinkToFit="1"/>
    </xf>
    <xf numFmtId="0" fontId="3" fillId="14" borderId="2" xfId="0" applyFont="1" applyFill="1" applyBorder="1" applyAlignment="1">
      <alignment horizontal="center" vertical="center" wrapText="1" shrinkToFit="1"/>
    </xf>
    <xf numFmtId="0" fontId="3" fillId="15" borderId="5" xfId="0" applyFont="1" applyFill="1" applyBorder="1" applyAlignment="1">
      <alignment horizontal="center" vertical="center" wrapText="1" shrinkToFit="1"/>
    </xf>
    <xf numFmtId="0" fontId="4" fillId="16" borderId="2" xfId="0" applyFont="1" applyFill="1" applyBorder="1" applyAlignment="1">
      <alignment horizontal="center" vertical="center" wrapText="1" shrinkToFit="1"/>
    </xf>
    <xf numFmtId="0" fontId="3" fillId="13" borderId="5" xfId="0" applyFont="1" applyFill="1" applyBorder="1" applyAlignment="1">
      <alignment horizontal="center" vertical="center" wrapText="1" shrinkToFit="1"/>
    </xf>
    <xf numFmtId="0" fontId="3" fillId="14" borderId="5" xfId="0" applyFont="1" applyFill="1" applyBorder="1" applyAlignment="1">
      <alignment horizontal="center" vertical="center" wrapText="1" shrinkToFit="1"/>
    </xf>
    <xf numFmtId="0" fontId="4" fillId="16" borderId="5" xfId="0" applyFont="1" applyFill="1" applyBorder="1" applyAlignment="1">
      <alignment horizontal="center" vertical="center" wrapText="1" shrinkToFit="1"/>
    </xf>
    <xf numFmtId="0" fontId="5" fillId="12" borderId="8" xfId="0" applyFont="1" applyFill="1" applyBorder="1" applyAlignment="1">
      <alignment horizontal="center" vertical="center" wrapText="1" shrinkToFit="1"/>
    </xf>
    <xf numFmtId="9" fontId="3" fillId="3" borderId="2" xfId="1" applyFont="1" applyFill="1" applyBorder="1" applyAlignment="1">
      <alignment horizontal="center" vertical="center" wrapText="1" shrinkToFit="1"/>
    </xf>
    <xf numFmtId="9" fontId="3" fillId="3" borderId="5" xfId="1" applyFont="1" applyFill="1" applyBorder="1" applyAlignment="1">
      <alignment horizontal="center" vertical="center" wrapText="1" shrinkToFit="1"/>
    </xf>
    <xf numFmtId="0" fontId="3" fillId="15" borderId="10" xfId="0" applyFont="1" applyFill="1" applyBorder="1" applyAlignment="1">
      <alignment horizontal="center" vertical="center" wrapText="1" shrinkToFit="1"/>
    </xf>
    <xf numFmtId="0" fontId="4" fillId="5" borderId="10" xfId="0" applyFont="1" applyFill="1" applyBorder="1" applyAlignment="1">
      <alignment horizontal="center" vertical="center" wrapText="1" shrinkToFit="1"/>
    </xf>
    <xf numFmtId="0" fontId="3" fillId="6" borderId="10" xfId="0" applyFont="1" applyFill="1" applyBorder="1" applyAlignment="1">
      <alignment horizontal="center" vertical="center" wrapText="1" shrinkToFit="1"/>
    </xf>
    <xf numFmtId="0" fontId="4" fillId="7" borderId="10" xfId="0" applyFont="1" applyFill="1" applyBorder="1" applyAlignment="1">
      <alignment horizontal="center" vertical="center" wrapText="1" shrinkToFit="1"/>
    </xf>
    <xf numFmtId="0" fontId="4" fillId="8" borderId="10" xfId="0" applyFont="1" applyFill="1" applyBorder="1" applyAlignment="1">
      <alignment horizontal="center" vertical="center" wrapText="1" shrinkToFit="1"/>
    </xf>
    <xf numFmtId="0" fontId="3" fillId="10" borderId="10" xfId="0" applyFont="1" applyFill="1" applyBorder="1" applyAlignment="1">
      <alignment horizontal="center" vertical="center" wrapText="1" shrinkToFit="1"/>
    </xf>
    <xf numFmtId="0" fontId="3" fillId="2" borderId="1" xfId="0" applyFont="1" applyFill="1" applyBorder="1" applyAlignment="1">
      <alignment horizontal="center" vertical="center" shrinkToFit="1"/>
    </xf>
    <xf numFmtId="0" fontId="3" fillId="3" borderId="1" xfId="0" applyFont="1" applyFill="1" applyBorder="1" applyAlignment="1">
      <alignment vertical="center" shrinkToFit="1"/>
    </xf>
    <xf numFmtId="0" fontId="3" fillId="15" borderId="2" xfId="0" applyFont="1" applyFill="1" applyBorder="1" applyAlignment="1">
      <alignment horizontal="center" vertical="center" wrapText="1" shrinkToFit="1"/>
    </xf>
    <xf numFmtId="0" fontId="7" fillId="3" borderId="1" xfId="0" applyFont="1" applyFill="1" applyBorder="1" applyAlignment="1">
      <alignment vertical="center" wrapText="1" shrinkToFit="1"/>
    </xf>
    <xf numFmtId="0" fontId="3" fillId="8" borderId="2" xfId="0" applyFont="1" applyFill="1" applyBorder="1" applyAlignment="1">
      <alignment horizontal="center" vertical="center" wrapText="1" shrinkToFit="1"/>
    </xf>
    <xf numFmtId="0" fontId="5" fillId="12" borderId="11" xfId="0" applyFont="1" applyFill="1" applyBorder="1" applyAlignment="1">
      <alignment horizontal="center" vertical="center" wrapText="1" shrinkToFit="1"/>
    </xf>
    <xf numFmtId="0" fontId="3" fillId="3" borderId="1" xfId="0" applyFont="1" applyFill="1" applyBorder="1" applyAlignment="1">
      <alignment horizontal="center" vertical="center" wrapText="1" shrinkToFit="1"/>
    </xf>
    <xf numFmtId="0" fontId="3" fillId="8" borderId="5" xfId="0" applyFont="1" applyFill="1" applyBorder="1" applyAlignment="1">
      <alignment horizontal="center" vertical="center" wrapText="1" shrinkToFit="1"/>
    </xf>
    <xf numFmtId="0" fontId="5" fillId="12" borderId="12" xfId="0" applyFont="1" applyFill="1" applyBorder="1" applyAlignment="1">
      <alignment horizontal="center" vertical="center" wrapText="1" shrinkToFit="1"/>
    </xf>
    <xf numFmtId="0" fontId="3" fillId="13" borderId="10" xfId="0" applyFont="1" applyFill="1" applyBorder="1" applyAlignment="1">
      <alignment horizontal="center" vertical="center" wrapText="1" shrinkToFit="1"/>
    </xf>
    <xf numFmtId="0" fontId="3" fillId="14" borderId="10" xfId="0" applyFont="1" applyFill="1" applyBorder="1" applyAlignment="1">
      <alignment horizontal="center" vertical="center" wrapText="1" shrinkToFit="1"/>
    </xf>
    <xf numFmtId="9" fontId="3" fillId="3" borderId="10" xfId="1" applyFont="1" applyFill="1" applyBorder="1" applyAlignment="1">
      <alignment horizontal="center" vertical="center" wrapText="1" shrinkToFit="1"/>
    </xf>
    <xf numFmtId="0" fontId="4" fillId="16" borderId="10" xfId="0" applyFont="1" applyFill="1" applyBorder="1" applyAlignment="1">
      <alignment horizontal="center" vertical="center" wrapText="1" shrinkToFit="1"/>
    </xf>
    <xf numFmtId="0" fontId="3" fillId="8" borderId="10" xfId="0" applyFont="1" applyFill="1" applyBorder="1" applyAlignment="1">
      <alignment horizontal="center" vertical="center" wrapText="1" shrinkToFit="1"/>
    </xf>
    <xf numFmtId="0" fontId="5" fillId="12" borderId="13" xfId="0" applyFont="1" applyFill="1" applyBorder="1" applyAlignment="1">
      <alignment horizontal="center" vertical="center" wrapText="1" shrinkToFit="1"/>
    </xf>
    <xf numFmtId="0" fontId="3" fillId="5" borderId="2" xfId="0" applyFont="1" applyFill="1" applyBorder="1" applyAlignment="1">
      <alignment horizontal="center" vertical="center" wrapText="1" shrinkToFit="1"/>
    </xf>
    <xf numFmtId="0" fontId="4" fillId="4" borderId="2" xfId="0" applyFont="1" applyFill="1" applyBorder="1" applyAlignment="1">
      <alignment horizontal="center" vertical="center" wrapText="1" shrinkToFit="1"/>
    </xf>
    <xf numFmtId="0" fontId="4" fillId="17" borderId="2" xfId="0" applyFont="1" applyFill="1" applyBorder="1" applyAlignment="1">
      <alignment horizontal="center" vertical="center" wrapText="1" shrinkToFit="1"/>
    </xf>
    <xf numFmtId="0" fontId="3" fillId="18" borderId="2" xfId="0" applyFont="1" applyFill="1" applyBorder="1" applyAlignment="1">
      <alignment horizontal="center" vertical="center" wrapText="1" shrinkToFit="1"/>
    </xf>
    <xf numFmtId="0" fontId="4" fillId="10" borderId="2" xfId="0" applyFont="1" applyFill="1" applyBorder="1" applyAlignment="1">
      <alignment horizontal="center" vertical="center" wrapText="1" shrinkToFit="1"/>
    </xf>
    <xf numFmtId="0" fontId="3" fillId="11" borderId="1" xfId="0" applyFont="1" applyFill="1" applyBorder="1" applyAlignment="1">
      <alignment horizontal="center" vertical="center" wrapText="1" shrinkToFit="1"/>
    </xf>
    <xf numFmtId="0" fontId="3" fillId="5" borderId="5" xfId="0" applyFont="1" applyFill="1" applyBorder="1" applyAlignment="1">
      <alignment horizontal="center" vertical="center" wrapText="1" shrinkToFit="1"/>
    </xf>
    <xf numFmtId="0" fontId="4" fillId="4" borderId="5" xfId="0" applyFont="1" applyFill="1" applyBorder="1" applyAlignment="1">
      <alignment horizontal="center" vertical="center" wrapText="1" shrinkToFit="1"/>
    </xf>
    <xf numFmtId="0" fontId="4" fillId="17" borderId="5" xfId="0" applyFont="1" applyFill="1" applyBorder="1" applyAlignment="1">
      <alignment horizontal="center" vertical="center" wrapText="1" shrinkToFit="1"/>
    </xf>
    <xf numFmtId="0" fontId="3" fillId="18" borderId="5" xfId="0" applyFont="1" applyFill="1" applyBorder="1" applyAlignment="1">
      <alignment horizontal="center" vertical="center" wrapText="1" shrinkToFit="1"/>
    </xf>
    <xf numFmtId="0" fontId="4" fillId="10" borderId="5" xfId="0" applyFont="1" applyFill="1" applyBorder="1" applyAlignment="1">
      <alignment horizontal="center" vertical="center" wrapText="1" shrinkToFit="1"/>
    </xf>
    <xf numFmtId="0" fontId="3" fillId="3" borderId="2" xfId="0" applyFont="1" applyFill="1" applyBorder="1" applyAlignment="1">
      <alignment horizontal="center" vertical="center" wrapText="1" shrinkToFit="1"/>
    </xf>
    <xf numFmtId="0" fontId="3" fillId="3" borderId="5" xfId="0" applyFont="1" applyFill="1" applyBorder="1" applyAlignment="1">
      <alignment horizontal="center" vertical="center" wrapText="1" shrinkToFit="1"/>
    </xf>
    <xf numFmtId="0" fontId="4" fillId="17" borderId="10" xfId="0" applyFont="1" applyFill="1" applyBorder="1" applyAlignment="1">
      <alignment horizontal="center" vertical="center" wrapText="1" shrinkToFit="1"/>
    </xf>
    <xf numFmtId="0" fontId="3" fillId="18" borderId="10" xfId="0" applyFont="1" applyFill="1" applyBorder="1" applyAlignment="1">
      <alignment horizontal="center" vertical="center" wrapText="1" shrinkToFit="1"/>
    </xf>
    <xf numFmtId="0" fontId="3" fillId="15" borderId="2" xfId="0" applyFont="1" applyFill="1" applyBorder="1" applyAlignment="1">
      <alignment horizontal="center" vertical="center" wrapText="1"/>
    </xf>
    <xf numFmtId="0" fontId="3" fillId="15" borderId="5" xfId="0" applyFont="1" applyFill="1" applyBorder="1" applyAlignment="1">
      <alignment horizontal="center" vertical="center" wrapText="1"/>
    </xf>
    <xf numFmtId="0" fontId="3" fillId="3" borderId="10" xfId="0" applyFont="1" applyFill="1" applyBorder="1" applyAlignment="1">
      <alignment horizontal="center" vertical="center" wrapText="1" shrinkToFit="1"/>
    </xf>
    <xf numFmtId="20" fontId="5" fillId="12" borderId="9" xfId="0" applyNumberFormat="1" applyFont="1" applyFill="1" applyBorder="1" applyAlignment="1">
      <alignment horizontal="center" vertical="center" wrapText="1" shrinkToFit="1"/>
    </xf>
    <xf numFmtId="20" fontId="5" fillId="12" borderId="6" xfId="0" applyNumberFormat="1" applyFont="1" applyFill="1" applyBorder="1" applyAlignment="1">
      <alignment horizontal="center" vertical="center" wrapText="1" shrinkToFit="1"/>
    </xf>
    <xf numFmtId="0" fontId="3" fillId="15" borderId="10" xfId="0" applyFont="1" applyFill="1" applyBorder="1" applyAlignment="1">
      <alignment horizontal="center" vertical="center" wrapText="1"/>
    </xf>
    <xf numFmtId="0" fontId="3" fillId="5" borderId="10" xfId="0" applyFont="1" applyFill="1" applyBorder="1" applyAlignment="1">
      <alignment horizontal="center" vertical="center" wrapText="1" shrinkToFit="1"/>
    </xf>
    <xf numFmtId="0" fontId="4" fillId="4" borderId="10" xfId="0" applyFont="1" applyFill="1" applyBorder="1" applyAlignment="1">
      <alignment horizontal="center" vertical="center" wrapText="1" shrinkToFit="1"/>
    </xf>
    <xf numFmtId="0" fontId="4" fillId="10" borderId="10" xfId="0" applyFont="1" applyFill="1" applyBorder="1" applyAlignment="1">
      <alignment horizontal="center" vertical="center" wrapText="1" shrinkToFit="1"/>
    </xf>
    <xf numFmtId="20" fontId="5" fillId="12" borderId="8" xfId="0" applyNumberFormat="1" applyFont="1" applyFill="1" applyBorder="1" applyAlignment="1">
      <alignment horizontal="center" vertical="center" wrapText="1" shrinkToFit="1"/>
    </xf>
    <xf numFmtId="0" fontId="3" fillId="2" borderId="1" xfId="0" applyFont="1" applyFill="1" applyBorder="1" applyAlignment="1">
      <alignment horizontal="center" vertical="center" wrapText="1" shrinkToFit="1"/>
    </xf>
    <xf numFmtId="20" fontId="5" fillId="12" borderId="11" xfId="0" applyNumberFormat="1" applyFont="1" applyFill="1" applyBorder="1" applyAlignment="1">
      <alignment horizontal="center" vertical="center" wrapText="1" shrinkToFit="1"/>
    </xf>
    <xf numFmtId="20" fontId="5" fillId="12" borderId="12" xfId="0" applyNumberFormat="1" applyFont="1" applyFill="1" applyBorder="1" applyAlignment="1">
      <alignment horizontal="center" vertical="center" wrapText="1" shrinkToFit="1"/>
    </xf>
    <xf numFmtId="0" fontId="5" fillId="12" borderId="14" xfId="0" applyFont="1" applyFill="1" applyBorder="1" applyAlignment="1">
      <alignment horizontal="center" vertical="center" textRotation="255"/>
    </xf>
    <xf numFmtId="0" fontId="5" fillId="2" borderId="15" xfId="0" applyFont="1" applyFill="1" applyBorder="1" applyAlignment="1">
      <alignment horizontal="center" vertical="center"/>
    </xf>
    <xf numFmtId="0" fontId="5" fillId="2" borderId="16" xfId="0" applyFont="1" applyFill="1" applyBorder="1" applyAlignment="1">
      <alignment horizontal="center" vertical="center"/>
    </xf>
    <xf numFmtId="0" fontId="5" fillId="3" borderId="17" xfId="0" applyFont="1" applyFill="1" applyBorder="1" applyAlignment="1">
      <alignment horizontal="center" vertical="center"/>
    </xf>
    <xf numFmtId="0" fontId="5" fillId="3" borderId="18" xfId="0" applyFont="1" applyFill="1" applyBorder="1" applyAlignment="1">
      <alignment horizontal="center" vertical="center"/>
    </xf>
    <xf numFmtId="0" fontId="5" fillId="2" borderId="19" xfId="0" applyFont="1" applyFill="1" applyBorder="1" applyAlignment="1">
      <alignment horizontal="center" vertical="center"/>
    </xf>
    <xf numFmtId="0" fontId="5" fillId="3" borderId="16" xfId="0" applyFont="1" applyFill="1" applyBorder="1" applyAlignment="1">
      <alignment horizontal="center" vertical="center"/>
    </xf>
    <xf numFmtId="0" fontId="5" fillId="2" borderId="17" xfId="0" applyFont="1" applyFill="1" applyBorder="1" applyAlignment="1">
      <alignment horizontal="center" vertical="center"/>
    </xf>
    <xf numFmtId="0" fontId="5" fillId="12" borderId="20" xfId="0" applyFont="1" applyFill="1" applyBorder="1" applyAlignment="1">
      <alignment horizontal="center" vertical="center"/>
    </xf>
    <xf numFmtId="0" fontId="5" fillId="12" borderId="21" xfId="0" applyFont="1" applyFill="1" applyBorder="1" applyAlignment="1">
      <alignment horizontal="center" vertical="center" textRotation="255"/>
    </xf>
    <xf numFmtId="0" fontId="5" fillId="12" borderId="22" xfId="0" applyFont="1" applyFill="1" applyBorder="1" applyAlignment="1">
      <alignment horizontal="center" vertical="center" textRotation="255"/>
    </xf>
    <xf numFmtId="0" fontId="5" fillId="12" borderId="23" xfId="0" applyFont="1" applyFill="1" applyBorder="1" applyAlignment="1">
      <alignment horizontal="center" vertical="center"/>
    </xf>
    <xf numFmtId="0" fontId="5" fillId="12" borderId="24" xfId="0" applyFont="1" applyFill="1" applyBorder="1" applyAlignment="1">
      <alignment horizontal="center" vertical="center"/>
    </xf>
    <xf numFmtId="0" fontId="5" fillId="12" borderId="25" xfId="0" applyFont="1" applyFill="1" applyBorder="1" applyAlignment="1">
      <alignment horizontal="center" vertical="center"/>
    </xf>
    <xf numFmtId="0" fontId="5" fillId="12" borderId="26" xfId="0" applyFont="1" applyFill="1" applyBorder="1" applyAlignment="1">
      <alignment horizontal="center" vertical="center"/>
    </xf>
    <xf numFmtId="0" fontId="5" fillId="12" borderId="27" xfId="0" applyFont="1" applyFill="1" applyBorder="1" applyAlignment="1">
      <alignment horizontal="center" vertical="center"/>
    </xf>
    <xf numFmtId="0" fontId="5" fillId="2" borderId="25" xfId="0" applyFont="1" applyFill="1" applyBorder="1" applyAlignment="1">
      <alignment horizontal="center" vertical="center"/>
    </xf>
    <xf numFmtId="0" fontId="5" fillId="2" borderId="24" xfId="0" applyFont="1" applyFill="1" applyBorder="1" applyAlignment="1">
      <alignment horizontal="center" vertical="center"/>
    </xf>
    <xf numFmtId="0" fontId="5" fillId="2" borderId="27" xfId="0" applyFont="1" applyFill="1" applyBorder="1" applyAlignment="1">
      <alignment horizontal="center" vertical="center"/>
    </xf>
    <xf numFmtId="0" fontId="5" fillId="12" borderId="28" xfId="0" applyFont="1" applyFill="1" applyBorder="1" applyAlignment="1">
      <alignment horizontal="center" vertical="center"/>
    </xf>
    <xf numFmtId="0" fontId="5" fillId="12" borderId="29" xfId="0" applyFont="1" applyFill="1" applyBorder="1" applyAlignment="1">
      <alignment horizontal="center" vertical="center" textRotation="255"/>
    </xf>
    <xf numFmtId="0" fontId="5" fillId="12" borderId="30" xfId="0" applyFont="1" applyFill="1" applyBorder="1" applyAlignment="1">
      <alignment horizontal="center" vertical="center"/>
    </xf>
    <xf numFmtId="0" fontId="5" fillId="12" borderId="31" xfId="0" applyFont="1" applyFill="1" applyBorder="1" applyAlignment="1">
      <alignment horizontal="center" vertical="center"/>
    </xf>
    <xf numFmtId="0" fontId="5" fillId="12" borderId="32" xfId="0" applyFont="1" applyFill="1" applyBorder="1" applyAlignment="1">
      <alignment horizontal="center" vertical="center"/>
    </xf>
    <xf numFmtId="0" fontId="5" fillId="12" borderId="33" xfId="0" applyFont="1" applyFill="1" applyBorder="1" applyAlignment="1">
      <alignment horizontal="center" vertical="center"/>
    </xf>
    <xf numFmtId="0" fontId="5" fillId="12" borderId="34" xfId="0" applyFont="1" applyFill="1" applyBorder="1" applyAlignment="1">
      <alignment horizontal="center" vertical="center"/>
    </xf>
    <xf numFmtId="0" fontId="5" fillId="12" borderId="35" xfId="0" applyFont="1" applyFill="1" applyBorder="1" applyAlignment="1">
      <alignment horizontal="center" vertical="center" textRotation="255"/>
    </xf>
    <xf numFmtId="0" fontId="5" fillId="12" borderId="36" xfId="0" applyFont="1" applyFill="1" applyBorder="1" applyAlignment="1">
      <alignment horizontal="center" vertical="center" textRotation="255"/>
    </xf>
  </cellXfs>
  <cellStyles count="2">
    <cellStyle name="백분율" xfId="1" builtinId="5"/>
    <cellStyle name="표준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테마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W33"/>
  <sheetViews>
    <sheetView tabSelected="1" zoomScale="80" zoomScaleNormal="80" workbookViewId="0">
      <selection activeCell="H39" sqref="H39"/>
    </sheetView>
  </sheetViews>
  <sheetFormatPr defaultRowHeight="16.5" x14ac:dyDescent="0.3"/>
  <cols>
    <col min="1" max="1" width="3.875" customWidth="1"/>
    <col min="2" max="2" width="3.5" customWidth="1"/>
    <col min="3" max="3" width="6.75" customWidth="1"/>
    <col min="7" max="7" width="7.875" customWidth="1"/>
    <col min="24" max="24" width="9.375" customWidth="1"/>
    <col min="25" max="25" width="9.125" customWidth="1"/>
  </cols>
  <sheetData>
    <row r="1" spans="1:23" ht="16.5" customHeight="1" x14ac:dyDescent="0.3">
      <c r="A1" s="116" t="s">
        <v>56</v>
      </c>
      <c r="B1" s="115" t="s">
        <v>55</v>
      </c>
      <c r="C1" s="114" t="s">
        <v>54</v>
      </c>
      <c r="D1" s="111" t="s">
        <v>53</v>
      </c>
      <c r="E1" s="111"/>
      <c r="F1" s="111"/>
      <c r="G1" s="111"/>
      <c r="H1" s="113" t="s">
        <v>52</v>
      </c>
      <c r="I1" s="111"/>
      <c r="J1" s="111"/>
      <c r="K1" s="111"/>
      <c r="L1" s="113" t="s">
        <v>51</v>
      </c>
      <c r="M1" s="111"/>
      <c r="N1" s="111"/>
      <c r="O1" s="111"/>
      <c r="P1" s="113" t="s">
        <v>50</v>
      </c>
      <c r="Q1" s="111"/>
      <c r="R1" s="111"/>
      <c r="S1" s="111"/>
      <c r="T1" s="112" t="s">
        <v>49</v>
      </c>
      <c r="U1" s="111"/>
      <c r="V1" s="111"/>
      <c r="W1" s="110"/>
    </row>
    <row r="2" spans="1:23" ht="17.25" x14ac:dyDescent="0.3">
      <c r="A2" s="25"/>
      <c r="B2" s="109"/>
      <c r="C2" s="108" t="s">
        <v>48</v>
      </c>
      <c r="D2" s="104" t="s">
        <v>47</v>
      </c>
      <c r="E2" s="102"/>
      <c r="F2" s="107" t="s">
        <v>46</v>
      </c>
      <c r="G2" s="105"/>
      <c r="H2" s="104" t="s">
        <v>47</v>
      </c>
      <c r="I2" s="102"/>
      <c r="J2" s="106" t="s">
        <v>46</v>
      </c>
      <c r="K2" s="105"/>
      <c r="L2" s="104" t="s">
        <v>47</v>
      </c>
      <c r="M2" s="102"/>
      <c r="N2" s="106" t="s">
        <v>46</v>
      </c>
      <c r="O2" s="105"/>
      <c r="P2" s="104" t="s">
        <v>47</v>
      </c>
      <c r="Q2" s="102"/>
      <c r="R2" s="101" t="s">
        <v>46</v>
      </c>
      <c r="S2" s="102"/>
      <c r="T2" s="103" t="s">
        <v>47</v>
      </c>
      <c r="U2" s="102"/>
      <c r="V2" s="101" t="s">
        <v>46</v>
      </c>
      <c r="W2" s="100"/>
    </row>
    <row r="3" spans="1:23" ht="17.25" x14ac:dyDescent="0.3">
      <c r="A3" s="99"/>
      <c r="B3" s="98"/>
      <c r="C3" s="97" t="s">
        <v>45</v>
      </c>
      <c r="D3" s="95" t="s">
        <v>44</v>
      </c>
      <c r="E3" s="92" t="s">
        <v>43</v>
      </c>
      <c r="F3" s="91" t="s">
        <v>44</v>
      </c>
      <c r="G3" s="96" t="s">
        <v>43</v>
      </c>
      <c r="H3" s="95" t="s">
        <v>44</v>
      </c>
      <c r="I3" s="92" t="s">
        <v>43</v>
      </c>
      <c r="J3" s="91" t="s">
        <v>44</v>
      </c>
      <c r="K3" s="96" t="s">
        <v>43</v>
      </c>
      <c r="L3" s="95" t="s">
        <v>44</v>
      </c>
      <c r="M3" s="92" t="s">
        <v>43</v>
      </c>
      <c r="N3" s="91" t="s">
        <v>44</v>
      </c>
      <c r="O3" s="96" t="s">
        <v>43</v>
      </c>
      <c r="P3" s="95" t="s">
        <v>44</v>
      </c>
      <c r="Q3" s="92" t="s">
        <v>43</v>
      </c>
      <c r="R3" s="91" t="s">
        <v>44</v>
      </c>
      <c r="S3" s="94" t="s">
        <v>43</v>
      </c>
      <c r="T3" s="93" t="s">
        <v>44</v>
      </c>
      <c r="U3" s="92" t="s">
        <v>43</v>
      </c>
      <c r="V3" s="91" t="s">
        <v>44</v>
      </c>
      <c r="W3" s="90" t="s">
        <v>43</v>
      </c>
    </row>
    <row r="4" spans="1:23" ht="17.25" x14ac:dyDescent="0.3">
      <c r="A4" s="89" t="s">
        <v>42</v>
      </c>
      <c r="B4" s="24"/>
      <c r="C4" s="88" t="s">
        <v>41</v>
      </c>
      <c r="D4" s="52"/>
      <c r="E4" s="3"/>
      <c r="F4" s="46"/>
      <c r="G4" s="46"/>
      <c r="H4" s="2"/>
      <c r="I4" s="2"/>
      <c r="J4" s="1"/>
      <c r="K4" s="1"/>
      <c r="L4" s="3"/>
      <c r="M4" s="3"/>
      <c r="N4" s="46"/>
      <c r="O4" s="1"/>
      <c r="P4" s="2"/>
      <c r="Q4" s="2"/>
      <c r="R4" s="1"/>
      <c r="S4" s="46"/>
      <c r="T4" s="3"/>
      <c r="U4" s="3"/>
      <c r="V4" s="46"/>
      <c r="W4" s="86"/>
    </row>
    <row r="5" spans="1:23" ht="17.25" x14ac:dyDescent="0.3">
      <c r="A5" s="25"/>
      <c r="B5" s="24">
        <v>1</v>
      </c>
      <c r="C5" s="88"/>
      <c r="D5" s="3"/>
      <c r="E5" s="3"/>
      <c r="F5" s="46"/>
      <c r="G5" s="46"/>
      <c r="H5" s="2"/>
      <c r="I5" s="2"/>
      <c r="J5" s="1"/>
      <c r="K5" s="1"/>
      <c r="L5" s="3"/>
      <c r="M5" s="3"/>
      <c r="N5" s="46"/>
      <c r="O5" s="1"/>
      <c r="P5" s="2"/>
      <c r="Q5" s="2"/>
      <c r="R5" s="1"/>
      <c r="S5" s="46"/>
      <c r="T5" s="3"/>
      <c r="U5" s="3"/>
      <c r="V5" s="46"/>
      <c r="W5" s="86"/>
    </row>
    <row r="6" spans="1:23" ht="15" customHeight="1" x14ac:dyDescent="0.3">
      <c r="A6" s="25"/>
      <c r="B6" s="28"/>
      <c r="C6" s="87"/>
      <c r="D6" s="3"/>
      <c r="E6" s="3"/>
      <c r="F6" s="46"/>
      <c r="G6" s="46"/>
      <c r="H6" s="2"/>
      <c r="I6" s="2"/>
      <c r="J6" s="1"/>
      <c r="K6" s="1"/>
      <c r="L6" s="3"/>
      <c r="M6" s="3"/>
      <c r="N6" s="46"/>
      <c r="O6" s="1"/>
      <c r="P6" s="2"/>
      <c r="Q6" s="2"/>
      <c r="R6" s="1"/>
      <c r="S6" s="46"/>
      <c r="T6" s="3"/>
      <c r="U6" s="3"/>
      <c r="V6" s="46"/>
      <c r="W6" s="86"/>
    </row>
    <row r="7" spans="1:23" ht="17.25" x14ac:dyDescent="0.3">
      <c r="A7" s="25"/>
      <c r="B7" s="26"/>
      <c r="C7" s="85" t="s">
        <v>40</v>
      </c>
      <c r="D7" s="66" t="s">
        <v>39</v>
      </c>
      <c r="E7" s="2"/>
      <c r="F7" s="3"/>
      <c r="G7" s="84" t="s">
        <v>38</v>
      </c>
      <c r="H7" s="55" t="s">
        <v>19</v>
      </c>
      <c r="I7" s="58" t="s">
        <v>20</v>
      </c>
      <c r="J7" s="43" t="s">
        <v>37</v>
      </c>
      <c r="K7" s="44" t="s">
        <v>36</v>
      </c>
      <c r="L7" s="74" t="s">
        <v>35</v>
      </c>
      <c r="M7" s="75" t="s">
        <v>28</v>
      </c>
      <c r="N7" s="3"/>
      <c r="O7" s="83" t="s">
        <v>34</v>
      </c>
      <c r="P7" s="2"/>
      <c r="Q7" s="2"/>
      <c r="R7" s="82" t="s">
        <v>33</v>
      </c>
      <c r="S7" s="81" t="s">
        <v>32</v>
      </c>
      <c r="T7" s="55" t="s">
        <v>15</v>
      </c>
      <c r="U7" s="56" t="s">
        <v>16</v>
      </c>
      <c r="V7" s="1"/>
      <c r="W7" s="1"/>
    </row>
    <row r="8" spans="1:23" ht="17.25" x14ac:dyDescent="0.3">
      <c r="A8" s="25"/>
      <c r="B8" s="24">
        <v>2</v>
      </c>
      <c r="C8" s="80"/>
      <c r="D8" s="66"/>
      <c r="E8" s="2"/>
      <c r="F8" s="3"/>
      <c r="G8" s="71"/>
      <c r="H8" s="34"/>
      <c r="I8" s="36"/>
      <c r="J8" s="20"/>
      <c r="K8" s="21"/>
      <c r="L8" s="69"/>
      <c r="M8" s="70"/>
      <c r="N8" s="3"/>
      <c r="O8" s="68"/>
      <c r="P8" s="2"/>
      <c r="Q8" s="2"/>
      <c r="R8" s="67"/>
      <c r="S8" s="77"/>
      <c r="T8" s="34"/>
      <c r="U8" s="35"/>
      <c r="V8" s="1"/>
      <c r="W8" s="1"/>
    </row>
    <row r="9" spans="1:23" ht="17.25" x14ac:dyDescent="0.3">
      <c r="A9" s="25"/>
      <c r="B9" s="28"/>
      <c r="C9" s="79"/>
      <c r="D9" s="66"/>
      <c r="E9" s="2"/>
      <c r="F9" s="3"/>
      <c r="G9" s="71"/>
      <c r="H9" s="34"/>
      <c r="I9" s="36"/>
      <c r="J9" s="20"/>
      <c r="K9" s="21"/>
      <c r="L9" s="69"/>
      <c r="M9" s="70"/>
      <c r="N9" s="3"/>
      <c r="O9" s="68"/>
      <c r="P9" s="2"/>
      <c r="Q9" s="2"/>
      <c r="R9" s="67"/>
      <c r="S9" s="77"/>
      <c r="T9" s="34"/>
      <c r="U9" s="35"/>
      <c r="V9" s="1"/>
      <c r="W9" s="1"/>
    </row>
    <row r="10" spans="1:23" ht="17.25" x14ac:dyDescent="0.3">
      <c r="A10" s="25"/>
      <c r="B10" s="26"/>
      <c r="C10" s="37" t="s">
        <v>31</v>
      </c>
      <c r="D10" s="66"/>
      <c r="E10" s="2"/>
      <c r="F10" s="2"/>
      <c r="G10" s="71"/>
      <c r="H10" s="34"/>
      <c r="I10" s="36"/>
      <c r="J10" s="20"/>
      <c r="K10" s="21"/>
      <c r="L10" s="69"/>
      <c r="M10" s="70"/>
      <c r="N10" s="78" t="s">
        <v>30</v>
      </c>
      <c r="O10" s="68"/>
      <c r="P10" s="2"/>
      <c r="Q10" s="2"/>
      <c r="R10" s="67"/>
      <c r="S10" s="77"/>
      <c r="T10" s="34"/>
      <c r="U10" s="35"/>
      <c r="V10" s="1"/>
      <c r="W10" s="1"/>
    </row>
    <row r="11" spans="1:23" ht="17.25" x14ac:dyDescent="0.3">
      <c r="A11" s="25"/>
      <c r="B11" s="24">
        <v>3</v>
      </c>
      <c r="C11" s="23"/>
      <c r="D11" s="66"/>
      <c r="E11" s="2"/>
      <c r="F11" s="2"/>
      <c r="G11" s="71"/>
      <c r="H11" s="34"/>
      <c r="I11" s="36"/>
      <c r="J11" s="20"/>
      <c r="K11" s="21"/>
      <c r="L11" s="69"/>
      <c r="M11" s="70"/>
      <c r="N11" s="73"/>
      <c r="O11" s="68"/>
      <c r="P11" s="2"/>
      <c r="Q11" s="2"/>
      <c r="R11" s="67"/>
      <c r="S11" s="77"/>
      <c r="T11" s="34"/>
      <c r="U11" s="35"/>
      <c r="V11" s="1"/>
      <c r="W11" s="1"/>
    </row>
    <row r="12" spans="1:23" ht="17.25" x14ac:dyDescent="0.3">
      <c r="A12" s="25"/>
      <c r="B12" s="28"/>
      <c r="C12" s="27"/>
      <c r="D12" s="66"/>
      <c r="E12" s="2"/>
      <c r="F12" s="2"/>
      <c r="G12" s="71"/>
      <c r="H12" s="34"/>
      <c r="I12" s="36"/>
      <c r="J12" s="20"/>
      <c r="K12" s="21"/>
      <c r="L12" s="63"/>
      <c r="M12" s="64"/>
      <c r="N12" s="73"/>
      <c r="O12" s="68"/>
      <c r="P12" s="2"/>
      <c r="Q12" s="2"/>
      <c r="R12" s="67"/>
      <c r="S12" s="76"/>
      <c r="T12" s="34"/>
      <c r="U12" s="35"/>
      <c r="V12" s="1"/>
      <c r="W12" s="1"/>
    </row>
    <row r="13" spans="1:23" ht="17.25" customHeight="1" x14ac:dyDescent="0.3">
      <c r="A13" s="25"/>
      <c r="B13" s="26"/>
      <c r="C13" s="37" t="s">
        <v>29</v>
      </c>
      <c r="D13" s="66"/>
      <c r="E13" s="2"/>
      <c r="F13" s="2"/>
      <c r="G13" s="71"/>
      <c r="H13" s="34"/>
      <c r="I13" s="36"/>
      <c r="J13" s="20"/>
      <c r="K13" s="21"/>
      <c r="L13" s="75" t="s">
        <v>28</v>
      </c>
      <c r="M13" s="74" t="s">
        <v>27</v>
      </c>
      <c r="N13" s="73"/>
      <c r="O13" s="68"/>
      <c r="P13" s="2"/>
      <c r="Q13" s="2"/>
      <c r="R13" s="67"/>
      <c r="S13" s="29" t="s">
        <v>26</v>
      </c>
      <c r="T13" s="34"/>
      <c r="U13" s="35"/>
      <c r="V13" s="1"/>
      <c r="W13" s="1"/>
    </row>
    <row r="14" spans="1:23" ht="17.25" x14ac:dyDescent="0.3">
      <c r="A14" s="25"/>
      <c r="B14" s="24">
        <v>4</v>
      </c>
      <c r="C14" s="23"/>
      <c r="D14" s="66"/>
      <c r="E14" s="2"/>
      <c r="F14" s="2"/>
      <c r="G14" s="71"/>
      <c r="H14" s="34"/>
      <c r="I14" s="36"/>
      <c r="J14" s="20"/>
      <c r="K14" s="21"/>
      <c r="L14" s="70"/>
      <c r="M14" s="69"/>
      <c r="N14" s="73"/>
      <c r="O14" s="68"/>
      <c r="P14" s="2"/>
      <c r="Q14" s="2"/>
      <c r="R14" s="67"/>
      <c r="S14" s="17"/>
      <c r="T14" s="34"/>
      <c r="U14" s="35"/>
      <c r="V14" s="1"/>
      <c r="W14" s="1"/>
    </row>
    <row r="15" spans="1:23" ht="17.25" x14ac:dyDescent="0.3">
      <c r="A15" s="25"/>
      <c r="B15" s="28"/>
      <c r="C15" s="27"/>
      <c r="D15" s="66"/>
      <c r="E15" s="2"/>
      <c r="F15" s="2"/>
      <c r="G15" s="71"/>
      <c r="H15" s="30"/>
      <c r="I15" s="33"/>
      <c r="J15" s="20"/>
      <c r="K15" s="21"/>
      <c r="L15" s="70"/>
      <c r="M15" s="69"/>
      <c r="N15" s="72"/>
      <c r="O15" s="68"/>
      <c r="P15" s="2"/>
      <c r="Q15" s="2"/>
      <c r="R15" s="67"/>
      <c r="S15" s="17"/>
      <c r="T15" s="34"/>
      <c r="U15" s="31"/>
      <c r="V15" s="1"/>
      <c r="W15" s="1"/>
    </row>
    <row r="16" spans="1:23" ht="17.25" x14ac:dyDescent="0.3">
      <c r="A16" s="25"/>
      <c r="B16" s="26"/>
      <c r="C16" s="37" t="s">
        <v>25</v>
      </c>
      <c r="D16" s="66"/>
      <c r="E16" s="2"/>
      <c r="F16" s="59" t="s">
        <v>24</v>
      </c>
      <c r="G16" s="71"/>
      <c r="H16" s="2"/>
      <c r="I16" s="2"/>
      <c r="J16" s="20"/>
      <c r="K16" s="21"/>
      <c r="L16" s="70"/>
      <c r="M16" s="69"/>
      <c r="N16" s="3"/>
      <c r="O16" s="68"/>
      <c r="P16" s="2"/>
      <c r="Q16" s="2"/>
      <c r="R16" s="67"/>
      <c r="S16" s="17"/>
      <c r="T16" s="2"/>
      <c r="U16" s="2"/>
      <c r="V16" s="1"/>
      <c r="W16" s="1"/>
    </row>
    <row r="17" spans="1:23" ht="17.25" x14ac:dyDescent="0.3">
      <c r="A17" s="25"/>
      <c r="B17" s="24">
        <v>5</v>
      </c>
      <c r="C17" s="23"/>
      <c r="D17" s="66"/>
      <c r="E17" s="2"/>
      <c r="F17" s="53"/>
      <c r="G17" s="71"/>
      <c r="H17" s="2"/>
      <c r="I17" s="2"/>
      <c r="J17" s="20"/>
      <c r="K17" s="21"/>
      <c r="L17" s="70"/>
      <c r="M17" s="69"/>
      <c r="N17" s="3"/>
      <c r="O17" s="68"/>
      <c r="P17" s="2"/>
      <c r="Q17" s="2"/>
      <c r="R17" s="67"/>
      <c r="S17" s="17"/>
      <c r="T17" s="2"/>
      <c r="U17" s="2"/>
      <c r="V17" s="1"/>
      <c r="W17" s="1"/>
    </row>
    <row r="18" spans="1:23" ht="17.25" x14ac:dyDescent="0.3">
      <c r="A18" s="25"/>
      <c r="B18" s="28"/>
      <c r="C18" s="27"/>
      <c r="D18" s="66"/>
      <c r="E18" s="2"/>
      <c r="F18" s="50"/>
      <c r="G18" s="65"/>
      <c r="H18" s="2"/>
      <c r="I18" s="2"/>
      <c r="J18" s="8"/>
      <c r="K18" s="9"/>
      <c r="L18" s="64"/>
      <c r="M18" s="63"/>
      <c r="N18" s="3"/>
      <c r="O18" s="62"/>
      <c r="P18" s="2"/>
      <c r="Q18" s="2"/>
      <c r="R18" s="61"/>
      <c r="S18" s="4"/>
      <c r="T18" s="2"/>
      <c r="U18" s="2"/>
      <c r="V18" s="1"/>
      <c r="W18" s="1"/>
    </row>
    <row r="19" spans="1:23" ht="17.25" x14ac:dyDescent="0.3">
      <c r="A19" s="25"/>
      <c r="B19" s="26"/>
      <c r="C19" s="60" t="s">
        <v>23</v>
      </c>
      <c r="D19" s="3"/>
      <c r="E19" s="40" t="s">
        <v>22</v>
      </c>
      <c r="F19" s="2"/>
      <c r="G19" s="59" t="s">
        <v>21</v>
      </c>
      <c r="H19" s="58" t="s">
        <v>20</v>
      </c>
      <c r="I19" s="55" t="s">
        <v>19</v>
      </c>
      <c r="J19" s="49"/>
      <c r="K19" s="47"/>
      <c r="L19" s="40" t="s">
        <v>18</v>
      </c>
      <c r="M19" s="3"/>
      <c r="N19" s="3"/>
      <c r="O19" s="47"/>
      <c r="P19" s="2"/>
      <c r="Q19" s="2"/>
      <c r="R19" s="3"/>
      <c r="S19" s="57" t="s">
        <v>17</v>
      </c>
      <c r="T19" s="56" t="s">
        <v>16</v>
      </c>
      <c r="U19" s="55" t="s">
        <v>15</v>
      </c>
      <c r="V19" s="46"/>
      <c r="W19" s="46"/>
    </row>
    <row r="20" spans="1:23" ht="17.25" x14ac:dyDescent="0.3">
      <c r="A20" s="25"/>
      <c r="B20" s="24">
        <v>6</v>
      </c>
      <c r="C20" s="54"/>
      <c r="D20" s="3"/>
      <c r="E20" s="32"/>
      <c r="F20" s="2"/>
      <c r="G20" s="53"/>
      <c r="H20" s="36"/>
      <c r="I20" s="34"/>
      <c r="J20" s="49"/>
      <c r="K20" s="47"/>
      <c r="L20" s="32"/>
      <c r="M20" s="3"/>
      <c r="N20" s="3"/>
      <c r="O20" s="47"/>
      <c r="P20" s="2"/>
      <c r="Q20" s="2"/>
      <c r="R20" s="52"/>
      <c r="S20" s="39"/>
      <c r="T20" s="35"/>
      <c r="U20" s="34"/>
      <c r="V20" s="46"/>
      <c r="W20" s="46"/>
    </row>
    <row r="21" spans="1:23" ht="17.25" x14ac:dyDescent="0.3">
      <c r="A21" s="25"/>
      <c r="B21" s="28"/>
      <c r="C21" s="51"/>
      <c r="D21" s="3"/>
      <c r="E21" s="48"/>
      <c r="F21" s="2"/>
      <c r="G21" s="50"/>
      <c r="H21" s="36"/>
      <c r="I21" s="34"/>
      <c r="J21" s="49"/>
      <c r="K21" s="47"/>
      <c r="L21" s="48"/>
      <c r="M21" s="3"/>
      <c r="N21" s="3"/>
      <c r="O21" s="47"/>
      <c r="P21" s="2"/>
      <c r="Q21" s="2"/>
      <c r="R21" s="3"/>
      <c r="S21" s="39"/>
      <c r="T21" s="35"/>
      <c r="U21" s="34"/>
      <c r="V21" s="46"/>
      <c r="W21" s="46"/>
    </row>
    <row r="22" spans="1:23" ht="16.5" customHeight="1" x14ac:dyDescent="0.3">
      <c r="A22" s="25"/>
      <c r="B22" s="26"/>
      <c r="C22" s="37" t="s">
        <v>14</v>
      </c>
      <c r="D22" s="13" t="s">
        <v>9</v>
      </c>
      <c r="E22" s="12" t="s">
        <v>13</v>
      </c>
      <c r="F22" s="45" t="s">
        <v>12</v>
      </c>
      <c r="G22" s="3"/>
      <c r="H22" s="36"/>
      <c r="I22" s="34"/>
      <c r="J22" s="44" t="s">
        <v>11</v>
      </c>
      <c r="K22" s="43" t="s">
        <v>10</v>
      </c>
      <c r="L22" s="2"/>
      <c r="M22" s="42" t="s">
        <v>9</v>
      </c>
      <c r="N22" s="6" t="s">
        <v>8</v>
      </c>
      <c r="O22" s="41" t="s">
        <v>7</v>
      </c>
      <c r="P22" s="2"/>
      <c r="Q22" s="2"/>
      <c r="R22" s="40" t="s">
        <v>6</v>
      </c>
      <c r="S22" s="39"/>
      <c r="T22" s="35"/>
      <c r="U22" s="34"/>
      <c r="V22" s="1"/>
      <c r="W22" s="1"/>
    </row>
    <row r="23" spans="1:23" ht="17.25" x14ac:dyDescent="0.3">
      <c r="A23" s="25"/>
      <c r="B23" s="24">
        <v>7</v>
      </c>
      <c r="C23" s="23"/>
      <c r="D23" s="13"/>
      <c r="E23" s="12"/>
      <c r="F23" s="22"/>
      <c r="G23" s="3"/>
      <c r="H23" s="36"/>
      <c r="I23" s="34"/>
      <c r="J23" s="21"/>
      <c r="K23" s="20"/>
      <c r="L23" s="2"/>
      <c r="M23" s="19"/>
      <c r="N23" s="6"/>
      <c r="O23" s="18"/>
      <c r="P23" s="2"/>
      <c r="Q23" s="2"/>
      <c r="R23" s="32"/>
      <c r="S23" s="39"/>
      <c r="T23" s="35"/>
      <c r="U23" s="34"/>
      <c r="V23" s="1"/>
      <c r="W23" s="1"/>
    </row>
    <row r="24" spans="1:23" ht="17.25" x14ac:dyDescent="0.3">
      <c r="A24" s="25"/>
      <c r="B24" s="28"/>
      <c r="C24" s="27"/>
      <c r="D24" s="13"/>
      <c r="E24" s="12"/>
      <c r="F24" s="22"/>
      <c r="G24" s="3"/>
      <c r="H24" s="36"/>
      <c r="I24" s="34"/>
      <c r="J24" s="21"/>
      <c r="K24" s="20"/>
      <c r="L24" s="2"/>
      <c r="M24" s="19"/>
      <c r="N24" s="6"/>
      <c r="O24" s="18"/>
      <c r="P24" s="2"/>
      <c r="Q24" s="2"/>
      <c r="R24" s="32"/>
      <c r="S24" s="38"/>
      <c r="T24" s="35"/>
      <c r="U24" s="34"/>
      <c r="V24" s="1"/>
      <c r="W24" s="1"/>
    </row>
    <row r="25" spans="1:23" ht="17.25" x14ac:dyDescent="0.3">
      <c r="A25" s="25"/>
      <c r="B25" s="26"/>
      <c r="C25" s="37" t="s">
        <v>5</v>
      </c>
      <c r="D25" s="13"/>
      <c r="E25" s="12"/>
      <c r="F25" s="22"/>
      <c r="G25" s="3"/>
      <c r="H25" s="36"/>
      <c r="I25" s="34"/>
      <c r="J25" s="21"/>
      <c r="K25" s="20"/>
      <c r="L25" s="2"/>
      <c r="M25" s="19"/>
      <c r="N25" s="6"/>
      <c r="O25" s="18"/>
      <c r="P25" s="2"/>
      <c r="Q25" s="2"/>
      <c r="R25" s="32"/>
      <c r="S25" s="2"/>
      <c r="T25" s="35"/>
      <c r="U25" s="34"/>
      <c r="V25" s="1"/>
      <c r="W25" s="1"/>
    </row>
    <row r="26" spans="1:23" ht="17.25" x14ac:dyDescent="0.3">
      <c r="A26" s="25"/>
      <c r="B26" s="24">
        <v>8</v>
      </c>
      <c r="C26" s="23"/>
      <c r="D26" s="13"/>
      <c r="E26" s="12"/>
      <c r="F26" s="22"/>
      <c r="G26" s="3"/>
      <c r="H26" s="36"/>
      <c r="I26" s="34"/>
      <c r="J26" s="21"/>
      <c r="K26" s="20"/>
      <c r="L26" s="2"/>
      <c r="M26" s="19"/>
      <c r="N26" s="6"/>
      <c r="O26" s="18"/>
      <c r="P26" s="2"/>
      <c r="Q26" s="2"/>
      <c r="R26" s="32"/>
      <c r="S26" s="2"/>
      <c r="T26" s="35"/>
      <c r="U26" s="34"/>
      <c r="V26" s="1"/>
      <c r="W26" s="1"/>
    </row>
    <row r="27" spans="1:23" ht="17.25" x14ac:dyDescent="0.3">
      <c r="A27" s="25"/>
      <c r="B27" s="28"/>
      <c r="C27" s="27"/>
      <c r="D27" s="13"/>
      <c r="E27" s="12"/>
      <c r="F27" s="22"/>
      <c r="G27" s="3"/>
      <c r="H27" s="33"/>
      <c r="I27" s="30"/>
      <c r="J27" s="21"/>
      <c r="K27" s="20"/>
      <c r="L27" s="2"/>
      <c r="M27" s="19"/>
      <c r="N27" s="6"/>
      <c r="O27" s="18"/>
      <c r="P27" s="2"/>
      <c r="Q27" s="2"/>
      <c r="R27" s="32"/>
      <c r="S27" s="2"/>
      <c r="T27" s="31"/>
      <c r="U27" s="30"/>
      <c r="V27" s="1"/>
      <c r="W27" s="1"/>
    </row>
    <row r="28" spans="1:23" ht="17.25" x14ac:dyDescent="0.3">
      <c r="A28" s="25"/>
      <c r="B28" s="24"/>
      <c r="C28" s="23" t="s">
        <v>4</v>
      </c>
      <c r="D28" s="13"/>
      <c r="E28" s="12"/>
      <c r="F28" s="22"/>
      <c r="G28" s="3"/>
      <c r="H28" s="10" t="s">
        <v>3</v>
      </c>
      <c r="I28" s="10" t="s">
        <v>2</v>
      </c>
      <c r="J28" s="21"/>
      <c r="K28" s="20"/>
      <c r="L28" s="2"/>
      <c r="M28" s="19"/>
      <c r="N28" s="6"/>
      <c r="O28" s="18"/>
      <c r="P28" s="2"/>
      <c r="Q28" s="2"/>
      <c r="R28" s="29" t="s">
        <v>1</v>
      </c>
      <c r="S28" s="3"/>
      <c r="T28" s="2"/>
      <c r="U28" s="2"/>
      <c r="V28" s="1"/>
      <c r="W28" s="1"/>
    </row>
    <row r="29" spans="1:23" ht="17.25" x14ac:dyDescent="0.3">
      <c r="A29" s="25"/>
      <c r="B29" s="24">
        <v>9</v>
      </c>
      <c r="C29" s="23"/>
      <c r="D29" s="13"/>
      <c r="E29" s="12"/>
      <c r="F29" s="22"/>
      <c r="G29" s="3"/>
      <c r="H29" s="10"/>
      <c r="I29" s="10"/>
      <c r="J29" s="21"/>
      <c r="K29" s="20"/>
      <c r="L29" s="2"/>
      <c r="M29" s="19"/>
      <c r="N29" s="6"/>
      <c r="O29" s="18"/>
      <c r="P29" s="2"/>
      <c r="Q29" s="2"/>
      <c r="R29" s="17"/>
      <c r="S29" s="3"/>
      <c r="T29" s="2"/>
      <c r="U29" s="2"/>
      <c r="V29" s="1"/>
      <c r="W29" s="1"/>
    </row>
    <row r="30" spans="1:23" ht="17.25" x14ac:dyDescent="0.3">
      <c r="A30" s="25"/>
      <c r="B30" s="28"/>
      <c r="C30" s="27"/>
      <c r="D30" s="13"/>
      <c r="E30" s="12"/>
      <c r="F30" s="22"/>
      <c r="G30" s="3"/>
      <c r="H30" s="10"/>
      <c r="I30" s="10"/>
      <c r="J30" s="21"/>
      <c r="K30" s="20"/>
      <c r="L30" s="2"/>
      <c r="M30" s="19"/>
      <c r="N30" s="6"/>
      <c r="O30" s="18"/>
      <c r="P30" s="2"/>
      <c r="Q30" s="2"/>
      <c r="R30" s="17"/>
      <c r="S30" s="3"/>
      <c r="T30" s="2"/>
      <c r="U30" s="2"/>
      <c r="V30" s="1"/>
      <c r="W30" s="1"/>
    </row>
    <row r="31" spans="1:23" ht="17.25" x14ac:dyDescent="0.3">
      <c r="A31" s="25"/>
      <c r="B31" s="26"/>
      <c r="C31" s="23" t="s">
        <v>0</v>
      </c>
      <c r="D31" s="13"/>
      <c r="E31" s="12"/>
      <c r="F31" s="22"/>
      <c r="G31" s="3"/>
      <c r="H31" s="10"/>
      <c r="I31" s="10"/>
      <c r="J31" s="21"/>
      <c r="K31" s="20"/>
      <c r="L31" s="2"/>
      <c r="M31" s="19"/>
      <c r="N31" s="6"/>
      <c r="O31" s="18"/>
      <c r="P31" s="2"/>
      <c r="Q31" s="2"/>
      <c r="R31" s="17"/>
      <c r="S31" s="3"/>
      <c r="T31" s="2"/>
      <c r="U31" s="2"/>
      <c r="V31" s="1"/>
      <c r="W31" s="1"/>
    </row>
    <row r="32" spans="1:23" ht="17.25" x14ac:dyDescent="0.3">
      <c r="A32" s="25"/>
      <c r="B32" s="24">
        <v>10</v>
      </c>
      <c r="C32" s="23"/>
      <c r="D32" s="13"/>
      <c r="E32" s="12"/>
      <c r="F32" s="22"/>
      <c r="G32" s="3"/>
      <c r="H32" s="10"/>
      <c r="I32" s="10"/>
      <c r="J32" s="21"/>
      <c r="K32" s="20"/>
      <c r="L32" s="2"/>
      <c r="M32" s="19"/>
      <c r="N32" s="6"/>
      <c r="O32" s="18"/>
      <c r="P32" s="2"/>
      <c r="Q32" s="2"/>
      <c r="R32" s="17"/>
      <c r="S32" s="3"/>
      <c r="T32" s="2"/>
      <c r="U32" s="2"/>
      <c r="V32" s="1"/>
      <c r="W32" s="1"/>
    </row>
    <row r="33" spans="1:23" ht="18" thickBot="1" x14ac:dyDescent="0.35">
      <c r="A33" s="16"/>
      <c r="B33" s="15"/>
      <c r="C33" s="14"/>
      <c r="D33" s="13"/>
      <c r="E33" s="12"/>
      <c r="F33" s="11"/>
      <c r="G33" s="3"/>
      <c r="H33" s="10"/>
      <c r="I33" s="10"/>
      <c r="J33" s="9"/>
      <c r="K33" s="8"/>
      <c r="L33" s="2"/>
      <c r="M33" s="7"/>
      <c r="N33" s="6"/>
      <c r="O33" s="5"/>
      <c r="P33" s="2"/>
      <c r="Q33" s="2"/>
      <c r="R33" s="4"/>
      <c r="S33" s="3"/>
      <c r="T33" s="2"/>
      <c r="U33" s="2"/>
      <c r="V33" s="1"/>
      <c r="W33" s="1"/>
    </row>
  </sheetData>
  <mergeCells count="66">
    <mergeCell ref="O22:O33"/>
    <mergeCell ref="R22:R27"/>
    <mergeCell ref="C25:C27"/>
    <mergeCell ref="C28:C30"/>
    <mergeCell ref="H28:H33"/>
    <mergeCell ref="I28:I33"/>
    <mergeCell ref="R28:R33"/>
    <mergeCell ref="C31:C33"/>
    <mergeCell ref="N22:N33"/>
    <mergeCell ref="C19:C21"/>
    <mergeCell ref="E19:E21"/>
    <mergeCell ref="G19:G21"/>
    <mergeCell ref="H19:H27"/>
    <mergeCell ref="I19:I27"/>
    <mergeCell ref="S19:S24"/>
    <mergeCell ref="T19:T27"/>
    <mergeCell ref="U19:U27"/>
    <mergeCell ref="C22:C24"/>
    <mergeCell ref="D22:D33"/>
    <mergeCell ref="E22:E33"/>
    <mergeCell ref="F22:F33"/>
    <mergeCell ref="J22:J33"/>
    <mergeCell ref="K22:K33"/>
    <mergeCell ref="M22:M33"/>
    <mergeCell ref="L7:L12"/>
    <mergeCell ref="M7:M12"/>
    <mergeCell ref="O7:O18"/>
    <mergeCell ref="R7:R18"/>
    <mergeCell ref="S7:S12"/>
    <mergeCell ref="T7:T15"/>
    <mergeCell ref="L19:L21"/>
    <mergeCell ref="U7:U15"/>
    <mergeCell ref="C10:C12"/>
    <mergeCell ref="N10:N15"/>
    <mergeCell ref="C13:C15"/>
    <mergeCell ref="L13:L18"/>
    <mergeCell ref="M13:M18"/>
    <mergeCell ref="S13:S18"/>
    <mergeCell ref="C16:C18"/>
    <mergeCell ref="F16:F18"/>
    <mergeCell ref="A1:A3"/>
    <mergeCell ref="B1:B3"/>
    <mergeCell ref="A4:A33"/>
    <mergeCell ref="C4:C6"/>
    <mergeCell ref="C7:C9"/>
    <mergeCell ref="D7:D18"/>
    <mergeCell ref="D1:G1"/>
    <mergeCell ref="H1:K1"/>
    <mergeCell ref="L1:O1"/>
    <mergeCell ref="P1:S1"/>
    <mergeCell ref="V2:W2"/>
    <mergeCell ref="H7:H15"/>
    <mergeCell ref="I7:I15"/>
    <mergeCell ref="J7:J18"/>
    <mergeCell ref="K7:K18"/>
    <mergeCell ref="G7:G18"/>
    <mergeCell ref="T1:W1"/>
    <mergeCell ref="D2:E2"/>
    <mergeCell ref="F2:G2"/>
    <mergeCell ref="H2:I2"/>
    <mergeCell ref="J2:K2"/>
    <mergeCell ref="L2:M2"/>
    <mergeCell ref="N2:O2"/>
    <mergeCell ref="P2:Q2"/>
    <mergeCell ref="R2:S2"/>
    <mergeCell ref="T2:U2"/>
  </mergeCells>
  <phoneticPr fontId="2" type="noConversion"/>
  <pageMargins left="0.7" right="0.7" top="0.75" bottom="0.75" header="0.3" footer="0.3"/>
  <pageSetup paperSize="9" scale="62" orientation="landscape" r:id="rId1"/>
  <headerFooter>
    <oddHeader>&amp;C&amp;"-,굵게"&amp;24 2016학년도 1학기 강의시간표</oddHead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워크시트</vt:lpstr>
      </vt:variant>
      <vt:variant>
        <vt:i4>1</vt:i4>
      </vt:variant>
    </vt:vector>
  </HeadingPairs>
  <TitlesOfParts>
    <vt:vector size="1" baseType="lpstr">
      <vt:lpstr>스타기획마케팅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s000</dc:creator>
  <cp:lastModifiedBy>s000</cp:lastModifiedBy>
  <dcterms:created xsi:type="dcterms:W3CDTF">2016-03-29T04:55:44Z</dcterms:created>
  <dcterms:modified xsi:type="dcterms:W3CDTF">2016-03-29T04:56:09Z</dcterms:modified>
</cp:coreProperties>
</file>